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76A5F" w:rsidRDefault="003601F8">
      <w:pPr>
        <w:rPr>
          <w:rFonts w:hint="eastAsia"/>
        </w:rPr>
      </w:pPr>
      <w:r>
        <w:rPr>
          <w:noProof/>
        </w:rPr>
        <w:drawing>
          <wp:inline distT="0" distB="0" distL="0" distR="0">
            <wp:extent cx="8948618" cy="6711465"/>
            <wp:effectExtent l="0" t="5398" r="0" b="0"/>
            <wp:docPr id="1" name="圖片 1" descr="C:\Users\i3550\AppData\Local\Microsoft\Windows\Temporary Internet Files\Content.Word\IMG_421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550\AppData\Local\Microsoft\Windows\Temporary Internet Files\Content.Word\IMG_4218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8951009" cy="67132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601F8" w:rsidRDefault="003601F8">
      <w:pPr>
        <w:rPr>
          <w:rFonts w:hint="eastAsia"/>
        </w:rPr>
      </w:pPr>
      <w:r>
        <w:rPr>
          <w:noProof/>
        </w:rPr>
        <w:lastRenderedPageBreak/>
        <w:drawing>
          <wp:inline distT="0" distB="0" distL="0" distR="0">
            <wp:extent cx="9165495" cy="6874122"/>
            <wp:effectExtent l="2540" t="0" r="635" b="635"/>
            <wp:docPr id="2" name="圖片 2" descr="C:\Users\i3550\AppData\Local\Microsoft\Windows\Temporary Internet Files\Content.Word\IMG_421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550\AppData\Local\Microsoft\Windows\Temporary Internet Files\Content.Word\IMG_4219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9169404" cy="687705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601F8" w:rsidRDefault="003601F8" w:rsidP="003601F8">
      <w:pPr>
        <w:jc w:val="center"/>
      </w:pPr>
      <w:bookmarkStart w:id="0" w:name="_GoBack"/>
      <w:r>
        <w:rPr>
          <w:noProof/>
        </w:rPr>
        <w:lastRenderedPageBreak/>
        <w:drawing>
          <wp:inline distT="0" distB="0" distL="0" distR="0">
            <wp:extent cx="9224110" cy="6918083"/>
            <wp:effectExtent l="0" t="8890" r="6350" b="6350"/>
            <wp:docPr id="3" name="圖片 3" descr="C:\Users\i3550\AppData\Local\Microsoft\Windows\Temporary Internet Files\Content.Word\IMG_42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3550\AppData\Local\Microsoft\Windows\Temporary Internet Files\Content.Word\IMG_4220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9228044" cy="69210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sectPr w:rsidR="003601F8" w:rsidSect="003601F8">
      <w:pgSz w:w="11906" w:h="16838"/>
      <w:pgMar w:top="720" w:right="720" w:bottom="720" w:left="72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bordersDoNotSurroundHeader/>
  <w:bordersDoNotSurroundFooter/>
  <w:proofState w:spelling="clean" w:grammar="clean"/>
  <w:defaultTabStop w:val="480"/>
  <w:drawingGridHorizontalSpacing w:val="12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601F8"/>
    <w:rsid w:val="003601F8"/>
    <w:rsid w:val="00476A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3601F8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3601F8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3601F8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3601F8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jpe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3</Pages>
  <Words>0</Words>
  <Characters>5</Characters>
  <Application>Microsoft Office Word</Application>
  <DocSecurity>0</DocSecurity>
  <Lines>1</Lines>
  <Paragraphs>1</Paragraphs>
  <ScaleCrop>false</ScaleCrop>
  <Company/>
  <LinksUpToDate>false</LinksUpToDate>
  <CharactersWithSpaces>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3550</dc:creator>
  <cp:lastModifiedBy>i3550</cp:lastModifiedBy>
  <cp:revision>1</cp:revision>
  <dcterms:created xsi:type="dcterms:W3CDTF">2018-09-19T08:12:00Z</dcterms:created>
  <dcterms:modified xsi:type="dcterms:W3CDTF">2018-09-19T08:15:00Z</dcterms:modified>
</cp:coreProperties>
</file>